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lang w:eastAsia="cs-CZ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lang w:eastAsia="cs-CZ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Dobrý den, 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potvrzuji přijetí spotřeby z dnešního </w:t>
      </w:r>
      <w:proofErr w:type="spellStart"/>
      <w:proofErr w:type="gramStart"/>
      <w:r w:rsidRPr="00AD523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dne,pac</w:t>
      </w:r>
      <w:proofErr w:type="spellEnd"/>
      <w:proofErr w:type="gramEnd"/>
      <w:r w:rsidRPr="00AD523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. </w:t>
      </w:r>
      <w:r w:rsidR="00242232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XXXXXXX</w:t>
      </w:r>
      <w:r w:rsidRPr="00AD523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; bude fakturovaná částkou 126.157,- Kč bez DPH a 141.295,84,- Kč s DPH 12%. 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S pozdravem a přáním hezkého dne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AD523E" w:rsidRPr="00AD523E" w:rsidRDefault="00242232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C8102E"/>
          <w:sz w:val="26"/>
          <w:szCs w:val="26"/>
          <w:lang w:val="en-US" w:eastAsia="cs-CZ"/>
          <w14:ligatures w14:val="standardContextual"/>
        </w:rPr>
        <w:t>XXXXXXXXX</w:t>
      </w:r>
    </w:p>
    <w:p w:rsidR="00AD523E" w:rsidRDefault="00AD523E" w:rsidP="00AD523E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</w:pPr>
      <w:r w:rsidRPr="00AD523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LOGISTIC MANAGER LIMA CZ</w:t>
      </w:r>
    </w:p>
    <w:p w:rsid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</w:p>
    <w:p w:rsidR="00242232" w:rsidRPr="00AD523E" w:rsidRDefault="00242232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lang w:eastAsia="cs-CZ"/>
        </w:rPr>
        <w:t>XXXXXXXXXXXXXX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T +420 257 286 731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F +420 222 723 568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M </w:t>
      </w:r>
      <w:r w:rsidR="00242232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XXXXX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28600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28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Calibri Light" w:eastAsia="Times New Roman" w:hAnsi="Calibri Light" w:cs="Calibri Light"/>
          <w:color w:val="4D4D4F"/>
          <w:sz w:val="10"/>
          <w:szCs w:val="10"/>
          <w:lang w:val="it-IT" w:eastAsia="cs-CZ"/>
          <w14:ligatures w14:val="standardContextual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 xml:space="preserve">Lima CZ s.r.o. 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Do Zahrádek I 157/5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155 21  Praha 5 – Třebonice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Czech republic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sz w:val="24"/>
          <w:szCs w:val="24"/>
          <w:lang w:eastAsia="cs-CZ"/>
        </w:rPr>
        <w:drawing>
          <wp:inline distT="0" distB="0" distL="0" distR="0" wp14:anchorId="273C9C4D" wp14:editId="5B44EEB1">
            <wp:extent cx="3657600" cy="352425"/>
            <wp:effectExtent l="0" t="0" r="0" b="9525"/>
            <wp:docPr id="1" name="Obrázek 1" descr="C:\Users\s0126\AppData\Local\Temp\IceWarp Desktop Client temporary files\eydpy2c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eydpy2c3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524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D523E" w:rsidRPr="00AD523E" w:rsidRDefault="00AD523E" w:rsidP="00AD523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AD523E">
        <w:rPr>
          <w:rFonts w:ascii="Arial" w:eastAsia="Times New Roman" w:hAnsi="Arial" w:cs="Arial"/>
          <w:lang w:eastAsia="cs-CZ"/>
        </w:rPr>
        <w:t> </w:t>
      </w:r>
    </w:p>
    <w:p w:rsidR="00F74A2E" w:rsidRDefault="00F74A2E">
      <w:bookmarkStart w:id="0" w:name="_GoBack"/>
      <w:bookmarkEnd w:id="0"/>
    </w:p>
    <w:sectPr w:rsidR="00F74A2E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D523E"/>
    <w:rsid w:val="00242232"/>
    <w:rsid w:val="00AD523E"/>
    <w:rsid w:val="00F74A2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D523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D523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D523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D523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D523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D523E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7143058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2</Words>
  <Characters>368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2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4-03-25T08:09:00Z</dcterms:created>
  <dcterms:modified xsi:type="dcterms:W3CDTF">2024-03-25T08:09:00Z</dcterms:modified>
</cp:coreProperties>
</file>